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3426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virke-my.sharepoint.com/personal/ann_torunn_tallaksen_virke_no/Documents/. Tariff-2020/HUK/HUK 2020 (delt)/Tariffnytt-Nettsak/"/>
    </mc:Choice>
  </mc:AlternateContent>
  <xr:revisionPtr revIDLastSave="26" documentId="8_{DFF56593-9412-42F3-809D-6463F900983F}" xr6:coauthVersionLast="45" xr6:coauthVersionMax="45" xr10:uidLastSave="{BEDEF5F8-6665-4C1A-B6F3-13E90A1ACD16}"/>
  <bookViews>
    <workbookView xWindow="-120" yWindow="-120" windowWidth="29040" windowHeight="15840" activeTab="1" xr2:uid="{9780480E-F39D-4754-A662-A0237351F623}"/>
  </bookViews>
  <sheets>
    <sheet name="Sentrale tillegg 2020" sheetId="4" r:id="rId1"/>
    <sheet name="Garantilønn-Ansiennitet 2020" sheetId="2" r:id="rId2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69" uniqueCount="36">
  <si>
    <t>Stillingsgrupper</t>
  </si>
  <si>
    <t>0 år</t>
  </si>
  <si>
    <t>2 år</t>
  </si>
  <si>
    <t>4 år</t>
  </si>
  <si>
    <t>6 år</t>
  </si>
  <si>
    <t>8 år</t>
  </si>
  <si>
    <t>10 år</t>
  </si>
  <si>
    <t>16 år</t>
  </si>
  <si>
    <t>Garantilønn</t>
  </si>
  <si>
    <t>Ans.tillegg</t>
  </si>
  <si>
    <t>Stillinger uten særskilt krav til utdanning</t>
  </si>
  <si>
    <t>Utregnet tillegg for ansiennitet</t>
  </si>
  <si>
    <t>Utregnet laveste årslønn</t>
  </si>
  <si>
    <t xml:space="preserve">Fagarbeiderstillinger/ tilsvarende fagarbeiderstillinger </t>
  </si>
  <si>
    <t>Stillinger m/ krav om fagbrev og 1-årig fagskoleutdanning</t>
  </si>
  <si>
    <t>Lærer og Stillinger med krav om 3-årig U/H-utdanning</t>
  </si>
  <si>
    <t>Adjunkt og Stillinger med krav om 4-årig U/H-utdanning</t>
  </si>
  <si>
    <t>Adjunkt m/ tilleggsutdanning og Stillinger med krav om 5-årig U/H-utdanning</t>
  </si>
  <si>
    <t>Lektor og Stillinger med krav om mastergrad</t>
  </si>
  <si>
    <t>Lektor m/ tilleggsutdanning</t>
  </si>
  <si>
    <t>Merknad: Ansiennitetstillegget legges i sin helhet til den enkeltes årslønn.</t>
  </si>
  <si>
    <t>Stillingsgruppe</t>
  </si>
  <si>
    <t>Fagarbeiderstillinger/ tilsvarende fagarbeiderstillinger</t>
  </si>
  <si>
    <t>Stillinger med krav om fagbrev og 1-årig fagskoleutdanning</t>
  </si>
  <si>
    <t xml:space="preserve">Lærer og Stillinger med krav om 3-årig U/H-utdanning </t>
  </si>
  <si>
    <t xml:space="preserve">Adjunkt og Stillinger med krav om 4-årig U/H-utdanning </t>
  </si>
  <si>
    <t>Adjunkt med tilleggsutdanning og Stillinger med krav om 5-årig U/H-utdanning</t>
  </si>
  <si>
    <t>Gjelder for:</t>
  </si>
  <si>
    <r>
      <t>·</t>
    </r>
    <r>
      <rPr>
        <sz val="7"/>
        <color theme="1"/>
        <rFont val="Times New Roman"/>
        <family val="1"/>
      </rPr>
      <t xml:space="preserve">         </t>
    </r>
    <r>
      <rPr>
        <i/>
        <sz val="10"/>
        <color theme="1"/>
        <rFont val="Trebuchet MS"/>
        <family val="2"/>
      </rPr>
      <t xml:space="preserve">Landsoverenskomst for helse og sosiale tjenester </t>
    </r>
  </si>
  <si>
    <r>
      <t>·</t>
    </r>
    <r>
      <rPr>
        <sz val="7"/>
        <color theme="1"/>
        <rFont val="Times New Roman"/>
        <family val="1"/>
      </rPr>
      <t xml:space="preserve">         </t>
    </r>
    <r>
      <rPr>
        <i/>
        <sz val="10"/>
        <color theme="1"/>
        <rFont val="Trebuchet MS"/>
        <family val="2"/>
      </rPr>
      <t xml:space="preserve">Landsoverenskomst for barnehager </t>
    </r>
  </si>
  <si>
    <r>
      <t>·</t>
    </r>
    <r>
      <rPr>
        <sz val="7"/>
        <color theme="1"/>
        <rFont val="Times New Roman"/>
        <family val="1"/>
      </rPr>
      <t xml:space="preserve">         </t>
    </r>
    <r>
      <rPr>
        <i/>
        <sz val="10"/>
        <color theme="1"/>
        <rFont val="Trebuchet MS"/>
        <family val="2"/>
      </rPr>
      <t>Landsoverenskomst for utdanning</t>
    </r>
  </si>
  <si>
    <r>
      <t>·</t>
    </r>
    <r>
      <rPr>
        <sz val="7"/>
        <color theme="1"/>
        <rFont val="Times New Roman"/>
        <family val="1"/>
      </rPr>
      <t xml:space="preserve">         </t>
    </r>
    <r>
      <rPr>
        <i/>
        <sz val="10"/>
        <color theme="1"/>
        <rFont val="Trebuchet MS"/>
        <family val="2"/>
      </rPr>
      <t xml:space="preserve">Landsoverenskomst for virksomheter (§ 27) </t>
    </r>
  </si>
  <si>
    <t xml:space="preserve">Lektor med tilleggsutdanning
</t>
  </si>
  <si>
    <t>Garantilønn og lønnstillegg for ansiennitet - pr 1.9.2020</t>
  </si>
  <si>
    <t>Sentrale tillegg pr. 1. september 2020</t>
  </si>
  <si>
    <t>Garantilønn og lønnstillegg for ansiennitet - tabell pr. 1. september 202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8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b/>
      <i/>
      <sz val="10"/>
      <color theme="1"/>
      <name val="Trebuchet MS"/>
      <family val="2"/>
    </font>
    <font>
      <i/>
      <sz val="10"/>
      <color theme="1"/>
      <name val="Trebuchet MS"/>
      <family val="2"/>
    </font>
    <font>
      <sz val="10"/>
      <color theme="1"/>
      <name val="Symbol"/>
      <family val="1"/>
      <charset val="2"/>
    </font>
    <font>
      <sz val="7"/>
      <color theme="1"/>
      <name val="Times New Roman"/>
      <family val="1"/>
    </font>
    <font>
      <b/>
      <sz val="14"/>
      <color theme="1"/>
      <name val="Calibri"/>
      <family val="2"/>
      <scheme val="minor"/>
    </font>
    <font>
      <sz val="14"/>
      <color theme="1"/>
      <name val="Calibri"/>
      <family val="2"/>
      <scheme val="minor"/>
    </font>
  </fonts>
  <fills count="4">
    <fill>
      <patternFill patternType="none"/>
    </fill>
    <fill>
      <patternFill patternType="gray125"/>
    </fill>
    <fill>
      <patternFill patternType="solid">
        <fgColor theme="0" tint="-0.14999847407452621"/>
        <bgColor indexed="64"/>
      </patternFill>
    </fill>
    <fill>
      <patternFill patternType="solid">
        <fgColor theme="4" tint="0.79998168889431442"/>
        <bgColor indexed="64"/>
      </patternFill>
    </fill>
  </fills>
  <borders count="22">
    <border>
      <left/>
      <right/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</borders>
  <cellStyleXfs count="1">
    <xf numFmtId="0" fontId="0" fillId="0" borderId="0"/>
  </cellStyleXfs>
  <cellXfs count="41">
    <xf numFmtId="0" fontId="0" fillId="0" borderId="0" xfId="0"/>
    <xf numFmtId="0" fontId="2" fillId="0" borderId="0" xfId="0" applyFont="1" applyAlignment="1">
      <alignment vertical="center"/>
    </xf>
    <xf numFmtId="0" fontId="3" fillId="0" borderId="0" xfId="0" applyFont="1" applyAlignment="1">
      <alignment vertical="center"/>
    </xf>
    <xf numFmtId="0" fontId="4" fillId="0" borderId="0" xfId="0" applyFont="1" applyAlignment="1">
      <alignment horizontal="left" vertical="center" indent="5"/>
    </xf>
    <xf numFmtId="0" fontId="6" fillId="0" borderId="0" xfId="0" applyFont="1"/>
    <xf numFmtId="0" fontId="7" fillId="0" borderId="0" xfId="0" applyFont="1"/>
    <xf numFmtId="0" fontId="1" fillId="2" borderId="7" xfId="0" applyFont="1" applyFill="1" applyBorder="1" applyAlignment="1">
      <alignment wrapText="1"/>
    </xf>
    <xf numFmtId="0" fontId="1" fillId="2" borderId="7" xfId="0" applyFont="1" applyFill="1" applyBorder="1" applyAlignment="1">
      <alignment horizontal="center"/>
    </xf>
    <xf numFmtId="0" fontId="0" fillId="0" borderId="7" xfId="0" applyBorder="1" applyAlignment="1">
      <alignment wrapText="1"/>
    </xf>
    <xf numFmtId="3" fontId="0" fillId="0" borderId="7" xfId="0" applyNumberFormat="1" applyBorder="1" applyAlignment="1">
      <alignment horizontal="center" vertical="center"/>
    </xf>
    <xf numFmtId="0" fontId="0" fillId="0" borderId="21" xfId="0" applyBorder="1" applyAlignment="1">
      <alignment horizontal="left" vertical="center" wrapText="1"/>
    </xf>
    <xf numFmtId="0" fontId="0" fillId="0" borderId="0" xfId="0" applyAlignment="1">
      <alignment vertical="center"/>
    </xf>
    <xf numFmtId="0" fontId="6" fillId="0" borderId="0" xfId="0" applyFont="1" applyAlignment="1">
      <alignment vertical="center"/>
    </xf>
    <xf numFmtId="0" fontId="7" fillId="0" borderId="0" xfId="0" applyFont="1" applyAlignment="1">
      <alignment vertical="center"/>
    </xf>
    <xf numFmtId="0" fontId="4" fillId="0" borderId="0" xfId="0" applyFont="1" applyAlignment="1">
      <alignment horizontal="left" vertical="center"/>
    </xf>
    <xf numFmtId="0" fontId="0" fillId="0" borderId="3" xfId="0" applyBorder="1" applyAlignment="1">
      <alignment horizontal="left" vertical="center" wrapText="1"/>
    </xf>
    <xf numFmtId="0" fontId="0" fillId="0" borderId="4" xfId="0" applyBorder="1" applyAlignment="1">
      <alignment horizontal="left" vertical="center" wrapText="1"/>
    </xf>
    <xf numFmtId="3" fontId="0" fillId="0" borderId="8" xfId="0" applyNumberFormat="1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0" xfId="0" applyBorder="1" applyAlignment="1">
      <alignment horizontal="center" vertical="center"/>
    </xf>
    <xf numFmtId="0" fontId="0" fillId="0" borderId="11" xfId="0" applyBorder="1" applyAlignment="1">
      <alignment horizontal="center" vertical="center"/>
    </xf>
    <xf numFmtId="3" fontId="0" fillId="0" borderId="12" xfId="0" applyNumberForma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3" fontId="0" fillId="0" borderId="14" xfId="0" applyNumberFormat="1" applyBorder="1" applyAlignment="1">
      <alignment horizontal="center" vertical="center"/>
    </xf>
    <xf numFmtId="3" fontId="0" fillId="0" borderId="15" xfId="0" applyNumberFormat="1" applyBorder="1" applyAlignment="1">
      <alignment horizontal="center" vertical="center"/>
    </xf>
    <xf numFmtId="0" fontId="0" fillId="2" borderId="18" xfId="0" applyFill="1" applyBorder="1" applyAlignment="1">
      <alignment horizontal="left" vertical="center"/>
    </xf>
    <xf numFmtId="0" fontId="0" fillId="2" borderId="19" xfId="0" applyFill="1" applyBorder="1" applyAlignment="1">
      <alignment horizontal="left" vertical="center"/>
    </xf>
    <xf numFmtId="0" fontId="0" fillId="2" borderId="5" xfId="0" applyFill="1" applyBorder="1" applyAlignment="1">
      <alignment horizontal="center" vertical="center"/>
    </xf>
    <xf numFmtId="0" fontId="0" fillId="2" borderId="6" xfId="0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0" fillId="2" borderId="3" xfId="0" applyFill="1" applyBorder="1" applyAlignment="1">
      <alignment horizontal="left" vertical="center"/>
    </xf>
    <xf numFmtId="0" fontId="0" fillId="2" borderId="21" xfId="0" applyFill="1" applyBorder="1" applyAlignment="1">
      <alignment horizontal="left" vertical="center"/>
    </xf>
    <xf numFmtId="0" fontId="0" fillId="2" borderId="1" xfId="0" applyFill="1" applyBorder="1" applyAlignment="1">
      <alignment horizontal="center" vertical="center"/>
    </xf>
    <xf numFmtId="0" fontId="0" fillId="2" borderId="6" xfId="0" applyFill="1" applyBorder="1" applyAlignment="1">
      <alignment horizontal="center" vertical="center"/>
    </xf>
    <xf numFmtId="0" fontId="0" fillId="2" borderId="4" xfId="0" applyFill="1" applyBorder="1" applyAlignment="1">
      <alignment horizontal="left" vertical="center"/>
    </xf>
    <xf numFmtId="0" fontId="0" fillId="2" borderId="16" xfId="0" applyFill="1" applyBorder="1" applyAlignment="1">
      <alignment horizontal="left" vertical="center"/>
    </xf>
    <xf numFmtId="0" fontId="0" fillId="2" borderId="17" xfId="0" applyFill="1" applyBorder="1" applyAlignment="1">
      <alignment vertical="center"/>
    </xf>
    <xf numFmtId="0" fontId="0" fillId="2" borderId="20" xfId="0" applyFill="1" applyBorder="1" applyAlignment="1">
      <alignment vertical="center"/>
    </xf>
    <xf numFmtId="0" fontId="1" fillId="3" borderId="18" xfId="0" applyFont="1" applyFill="1" applyBorder="1" applyAlignment="1">
      <alignment horizontal="left" vertical="center" wrapText="1"/>
    </xf>
    <xf numFmtId="0" fontId="1" fillId="3" borderId="19" xfId="0" applyFont="1" applyFill="1" applyBorder="1" applyAlignment="1">
      <alignment horizontal="left" vertical="center" wrapText="1"/>
    </xf>
    <xf numFmtId="0" fontId="0" fillId="0" borderId="16" xfId="0" applyBorder="1" applyAlignment="1">
      <alignment horizontal="left" vertical="center"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theme" Target="theme/theme1.xml"/><Relationship Id="rId7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2E0BFD7-68B7-4C8B-8929-CA47C4DBE625}">
  <dimension ref="A1:H17"/>
  <sheetViews>
    <sheetView workbookViewId="0"/>
  </sheetViews>
  <sheetFormatPr baseColWidth="10" defaultRowHeight="15" x14ac:dyDescent="0.25"/>
  <cols>
    <col min="1" max="1" width="35.85546875" customWidth="1"/>
  </cols>
  <sheetData>
    <row r="1" spans="1:8" s="5" customFormat="1" ht="18.75" x14ac:dyDescent="0.3">
      <c r="A1" s="4" t="s">
        <v>34</v>
      </c>
    </row>
    <row r="2" spans="1:8" x14ac:dyDescent="0.25">
      <c r="A2" s="2"/>
    </row>
    <row r="3" spans="1:8" x14ac:dyDescent="0.25">
      <c r="A3" s="2" t="s">
        <v>27</v>
      </c>
    </row>
    <row r="4" spans="1:8" x14ac:dyDescent="0.25">
      <c r="A4" s="3" t="s">
        <v>28</v>
      </c>
    </row>
    <row r="5" spans="1:8" x14ac:dyDescent="0.25">
      <c r="A5" s="3" t="s">
        <v>29</v>
      </c>
    </row>
    <row r="6" spans="1:8" x14ac:dyDescent="0.25">
      <c r="A6" s="3" t="s">
        <v>30</v>
      </c>
    </row>
    <row r="7" spans="1:8" x14ac:dyDescent="0.25">
      <c r="A7" s="3" t="s">
        <v>31</v>
      </c>
    </row>
    <row r="8" spans="1:8" x14ac:dyDescent="0.25">
      <c r="A8" s="3"/>
    </row>
    <row r="9" spans="1:8" x14ac:dyDescent="0.25">
      <c r="A9" s="6" t="s">
        <v>21</v>
      </c>
      <c r="B9" s="7" t="s">
        <v>1</v>
      </c>
      <c r="C9" s="7" t="s">
        <v>2</v>
      </c>
      <c r="D9" s="7" t="s">
        <v>3</v>
      </c>
      <c r="E9" s="7" t="s">
        <v>4</v>
      </c>
      <c r="F9" s="7" t="s">
        <v>5</v>
      </c>
      <c r="G9" s="7" t="s">
        <v>6</v>
      </c>
      <c r="H9" s="7" t="s">
        <v>7</v>
      </c>
    </row>
    <row r="10" spans="1:8" ht="30" x14ac:dyDescent="0.25">
      <c r="A10" s="8" t="s">
        <v>10</v>
      </c>
      <c r="B10" s="9">
        <v>1400</v>
      </c>
      <c r="C10" s="9">
        <v>1400</v>
      </c>
      <c r="D10" s="9">
        <v>1400</v>
      </c>
      <c r="E10" s="9">
        <v>1400</v>
      </c>
      <c r="F10" s="9">
        <v>1400</v>
      </c>
      <c r="G10" s="9">
        <v>1400</v>
      </c>
      <c r="H10" s="9">
        <v>1400</v>
      </c>
    </row>
    <row r="11" spans="1:8" ht="30" x14ac:dyDescent="0.25">
      <c r="A11" s="8" t="s">
        <v>22</v>
      </c>
      <c r="B11" s="9">
        <v>1400</v>
      </c>
      <c r="C11" s="9">
        <v>1400</v>
      </c>
      <c r="D11" s="9">
        <v>1400</v>
      </c>
      <c r="E11" s="9">
        <v>1400</v>
      </c>
      <c r="F11" s="9">
        <v>1400</v>
      </c>
      <c r="G11" s="9">
        <v>1400</v>
      </c>
      <c r="H11" s="9">
        <v>1400</v>
      </c>
    </row>
    <row r="12" spans="1:8" ht="30" x14ac:dyDescent="0.25">
      <c r="A12" s="8" t="s">
        <v>23</v>
      </c>
      <c r="B12" s="9">
        <v>1400</v>
      </c>
      <c r="C12" s="9">
        <v>1400</v>
      </c>
      <c r="D12" s="9">
        <v>1400</v>
      </c>
      <c r="E12" s="9">
        <v>1400</v>
      </c>
      <c r="F12" s="9">
        <v>1400</v>
      </c>
      <c r="G12" s="9">
        <v>1400</v>
      </c>
      <c r="H12" s="9">
        <v>1400</v>
      </c>
    </row>
    <row r="13" spans="1:8" ht="30" x14ac:dyDescent="0.25">
      <c r="A13" s="8" t="s">
        <v>24</v>
      </c>
      <c r="B13" s="9">
        <v>1400</v>
      </c>
      <c r="C13" s="9">
        <v>1400</v>
      </c>
      <c r="D13" s="9">
        <v>1400</v>
      </c>
      <c r="E13" s="9">
        <v>1400</v>
      </c>
      <c r="F13" s="9">
        <v>1400</v>
      </c>
      <c r="G13" s="9">
        <v>1400</v>
      </c>
      <c r="H13" s="9">
        <v>1400</v>
      </c>
    </row>
    <row r="14" spans="1:8" ht="30" x14ac:dyDescent="0.25">
      <c r="A14" s="8" t="s">
        <v>25</v>
      </c>
      <c r="B14" s="9">
        <v>1600</v>
      </c>
      <c r="C14" s="9">
        <v>1600</v>
      </c>
      <c r="D14" s="9">
        <v>1600</v>
      </c>
      <c r="E14" s="9">
        <v>1600</v>
      </c>
      <c r="F14" s="9">
        <v>1600</v>
      </c>
      <c r="G14" s="9">
        <v>1600</v>
      </c>
      <c r="H14" s="9">
        <v>1600</v>
      </c>
    </row>
    <row r="15" spans="1:8" ht="45" x14ac:dyDescent="0.25">
      <c r="A15" s="8" t="s">
        <v>26</v>
      </c>
      <c r="B15" s="9">
        <v>1700</v>
      </c>
      <c r="C15" s="9">
        <v>1700</v>
      </c>
      <c r="D15" s="9">
        <v>1700</v>
      </c>
      <c r="E15" s="9">
        <v>1700</v>
      </c>
      <c r="F15" s="9">
        <v>1700</v>
      </c>
      <c r="G15" s="9">
        <v>1700</v>
      </c>
      <c r="H15" s="9">
        <v>1700</v>
      </c>
    </row>
    <row r="16" spans="1:8" ht="30" x14ac:dyDescent="0.25">
      <c r="A16" s="8" t="s">
        <v>18</v>
      </c>
      <c r="B16" s="9">
        <v>1800</v>
      </c>
      <c r="C16" s="9">
        <v>1800</v>
      </c>
      <c r="D16" s="9">
        <v>1800</v>
      </c>
      <c r="E16" s="9">
        <v>1800</v>
      </c>
      <c r="F16" s="9">
        <v>1800</v>
      </c>
      <c r="G16" s="9">
        <v>1800</v>
      </c>
      <c r="H16" s="9">
        <v>1800</v>
      </c>
    </row>
    <row r="17" spans="1:8" ht="30" x14ac:dyDescent="0.25">
      <c r="A17" s="8" t="s">
        <v>32</v>
      </c>
      <c r="B17" s="9">
        <v>1900</v>
      </c>
      <c r="C17" s="9">
        <v>1900</v>
      </c>
      <c r="D17" s="9">
        <v>1900</v>
      </c>
      <c r="E17" s="9">
        <v>1900</v>
      </c>
      <c r="F17" s="9">
        <v>1900</v>
      </c>
      <c r="G17" s="9">
        <v>1900</v>
      </c>
      <c r="H17" s="9">
        <v>1900</v>
      </c>
    </row>
  </sheetData>
  <pageMargins left="0.7" right="0.7" top="0.75" bottom="0.75" header="0.3" footer="0.3"/>
  <pageSetup paperSize="9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4D08F77-7697-4AB7-81C1-30CE23637C53}">
  <dimension ref="A1:I42"/>
  <sheetViews>
    <sheetView tabSelected="1" workbookViewId="0">
      <selection activeCell="M33" sqref="M33"/>
    </sheetView>
  </sheetViews>
  <sheetFormatPr baseColWidth="10" defaultRowHeight="15" x14ac:dyDescent="0.25"/>
  <cols>
    <col min="1" max="1" width="11" style="11" customWidth="1"/>
    <col min="2" max="2" width="29.85546875" style="11" customWidth="1"/>
    <col min="3" max="16384" width="11.42578125" style="11"/>
  </cols>
  <sheetData>
    <row r="1" spans="1:9" s="13" customFormat="1" ht="18.75" x14ac:dyDescent="0.25">
      <c r="A1" s="12" t="s">
        <v>35</v>
      </c>
      <c r="B1" s="12"/>
    </row>
    <row r="2" spans="1:9" x14ac:dyDescent="0.25">
      <c r="A2" s="2"/>
      <c r="B2" s="2"/>
    </row>
    <row r="3" spans="1:9" x14ac:dyDescent="0.25">
      <c r="A3" s="2" t="s">
        <v>27</v>
      </c>
      <c r="B3" s="2"/>
    </row>
    <row r="4" spans="1:9" x14ac:dyDescent="0.25">
      <c r="A4" s="14" t="s">
        <v>28</v>
      </c>
      <c r="B4" s="14"/>
    </row>
    <row r="5" spans="1:9" x14ac:dyDescent="0.25">
      <c r="A5" s="14" t="s">
        <v>29</v>
      </c>
      <c r="B5" s="14"/>
    </row>
    <row r="6" spans="1:9" x14ac:dyDescent="0.25">
      <c r="A6" s="14" t="s">
        <v>30</v>
      </c>
      <c r="B6" s="14"/>
    </row>
    <row r="7" spans="1:9" x14ac:dyDescent="0.25">
      <c r="A7" s="14" t="s">
        <v>31</v>
      </c>
      <c r="B7" s="14"/>
    </row>
    <row r="8" spans="1:9" ht="15.75" thickBot="1" x14ac:dyDescent="0.3"/>
    <row r="9" spans="1:9" ht="15.75" thickBot="1" x14ac:dyDescent="0.3">
      <c r="A9" s="25" t="s">
        <v>0</v>
      </c>
      <c r="B9" s="26"/>
      <c r="C9" s="27" t="s">
        <v>33</v>
      </c>
      <c r="D9" s="28"/>
      <c r="E9" s="28"/>
      <c r="F9" s="28"/>
      <c r="G9" s="28"/>
      <c r="H9" s="28"/>
      <c r="I9" s="29"/>
    </row>
    <row r="10" spans="1:9" ht="15.75" thickBot="1" x14ac:dyDescent="0.3">
      <c r="A10" s="30"/>
      <c r="B10" s="31"/>
      <c r="C10" s="32" t="s">
        <v>1</v>
      </c>
      <c r="D10" s="33" t="s">
        <v>2</v>
      </c>
      <c r="E10" s="32" t="s">
        <v>3</v>
      </c>
      <c r="F10" s="33" t="s">
        <v>4</v>
      </c>
      <c r="G10" s="32" t="s">
        <v>5</v>
      </c>
      <c r="H10" s="33" t="s">
        <v>6</v>
      </c>
      <c r="I10" s="32" t="s">
        <v>7</v>
      </c>
    </row>
    <row r="11" spans="1:9" ht="15.75" thickBot="1" x14ac:dyDescent="0.3">
      <c r="A11" s="34"/>
      <c r="B11" s="35"/>
      <c r="C11" s="36" t="s">
        <v>8</v>
      </c>
      <c r="D11" s="37" t="s">
        <v>9</v>
      </c>
      <c r="E11" s="36" t="s">
        <v>9</v>
      </c>
      <c r="F11" s="37" t="s">
        <v>9</v>
      </c>
      <c r="G11" s="36" t="s">
        <v>9</v>
      </c>
      <c r="H11" s="37" t="s">
        <v>9</v>
      </c>
      <c r="I11" s="36" t="s">
        <v>9</v>
      </c>
    </row>
    <row r="12" spans="1:9" ht="30" customHeight="1" x14ac:dyDescent="0.25">
      <c r="A12" s="38" t="s">
        <v>10</v>
      </c>
      <c r="B12" s="39"/>
      <c r="C12" s="17">
        <v>302900</v>
      </c>
      <c r="D12" s="18"/>
      <c r="E12" s="18"/>
      <c r="F12" s="18"/>
      <c r="G12" s="18"/>
      <c r="H12" s="18"/>
      <c r="I12" s="19"/>
    </row>
    <row r="13" spans="1:9" x14ac:dyDescent="0.25">
      <c r="A13" s="15"/>
      <c r="B13" s="10" t="s">
        <v>11</v>
      </c>
      <c r="C13" s="20"/>
      <c r="D13" s="9">
        <v>5500</v>
      </c>
      <c r="E13" s="9">
        <v>2800</v>
      </c>
      <c r="F13" s="9">
        <v>3000</v>
      </c>
      <c r="G13" s="9">
        <v>8100</v>
      </c>
      <c r="H13" s="9">
        <v>46300</v>
      </c>
      <c r="I13" s="21">
        <v>37900</v>
      </c>
    </row>
    <row r="14" spans="1:9" ht="15.75" thickBot="1" x14ac:dyDescent="0.3">
      <c r="A14" s="16"/>
      <c r="B14" s="40" t="s">
        <v>12</v>
      </c>
      <c r="C14" s="22"/>
      <c r="D14" s="23">
        <v>308400</v>
      </c>
      <c r="E14" s="23">
        <v>311200</v>
      </c>
      <c r="F14" s="23">
        <v>314200</v>
      </c>
      <c r="G14" s="23">
        <v>322300</v>
      </c>
      <c r="H14" s="23">
        <v>368600</v>
      </c>
      <c r="I14" s="24">
        <v>406500</v>
      </c>
    </row>
    <row r="15" spans="1:9" ht="30" customHeight="1" x14ac:dyDescent="0.25">
      <c r="A15" s="38" t="s">
        <v>13</v>
      </c>
      <c r="B15" s="39"/>
      <c r="C15" s="17">
        <v>352200</v>
      </c>
      <c r="D15" s="18"/>
      <c r="E15" s="18"/>
      <c r="F15" s="18"/>
      <c r="G15" s="18"/>
      <c r="H15" s="18"/>
      <c r="I15" s="19"/>
    </row>
    <row r="16" spans="1:9" x14ac:dyDescent="0.25">
      <c r="A16" s="15"/>
      <c r="B16" s="10" t="s">
        <v>11</v>
      </c>
      <c r="C16" s="20"/>
      <c r="D16" s="9">
        <v>6400</v>
      </c>
      <c r="E16" s="9">
        <v>3500</v>
      </c>
      <c r="F16" s="9">
        <v>4200</v>
      </c>
      <c r="G16" s="9">
        <v>11400</v>
      </c>
      <c r="H16" s="9">
        <v>43700</v>
      </c>
      <c r="I16" s="21">
        <v>10000</v>
      </c>
    </row>
    <row r="17" spans="1:9" ht="15.75" thickBot="1" x14ac:dyDescent="0.3">
      <c r="A17" s="16"/>
      <c r="B17" s="40" t="s">
        <v>12</v>
      </c>
      <c r="C17" s="22"/>
      <c r="D17" s="23">
        <v>358600</v>
      </c>
      <c r="E17" s="23">
        <v>362100</v>
      </c>
      <c r="F17" s="23">
        <v>366300</v>
      </c>
      <c r="G17" s="23">
        <v>377700</v>
      </c>
      <c r="H17" s="23">
        <v>421400</v>
      </c>
      <c r="I17" s="24">
        <v>431400</v>
      </c>
    </row>
    <row r="18" spans="1:9" ht="30" customHeight="1" x14ac:dyDescent="0.25">
      <c r="A18" s="38" t="s">
        <v>14</v>
      </c>
      <c r="B18" s="39"/>
      <c r="C18" s="17">
        <v>374200</v>
      </c>
      <c r="D18" s="18"/>
      <c r="E18" s="18"/>
      <c r="F18" s="18"/>
      <c r="G18" s="18"/>
      <c r="H18" s="18"/>
      <c r="I18" s="19"/>
    </row>
    <row r="19" spans="1:9" x14ac:dyDescent="0.25">
      <c r="A19" s="15"/>
      <c r="B19" s="10" t="s">
        <v>11</v>
      </c>
      <c r="C19" s="20"/>
      <c r="D19" s="9">
        <v>6400</v>
      </c>
      <c r="E19" s="9">
        <v>3500</v>
      </c>
      <c r="F19" s="9">
        <v>4200</v>
      </c>
      <c r="G19" s="9">
        <v>11400</v>
      </c>
      <c r="H19" s="9">
        <v>41700</v>
      </c>
      <c r="I19" s="21">
        <v>10000</v>
      </c>
    </row>
    <row r="20" spans="1:9" ht="15.75" thickBot="1" x14ac:dyDescent="0.3">
      <c r="A20" s="16"/>
      <c r="B20" s="40" t="s">
        <v>12</v>
      </c>
      <c r="C20" s="22"/>
      <c r="D20" s="23">
        <v>380600</v>
      </c>
      <c r="E20" s="23">
        <v>384100</v>
      </c>
      <c r="F20" s="23">
        <v>388300</v>
      </c>
      <c r="G20" s="23">
        <v>399700</v>
      </c>
      <c r="H20" s="23">
        <v>441400</v>
      </c>
      <c r="I20" s="24">
        <v>451400</v>
      </c>
    </row>
    <row r="21" spans="1:9" ht="30" customHeight="1" x14ac:dyDescent="0.25">
      <c r="A21" s="38" t="s">
        <v>15</v>
      </c>
      <c r="B21" s="39"/>
      <c r="C21" s="17">
        <v>411400</v>
      </c>
      <c r="D21" s="18"/>
      <c r="E21" s="18"/>
      <c r="F21" s="18"/>
      <c r="G21" s="18"/>
      <c r="H21" s="18"/>
      <c r="I21" s="19"/>
    </row>
    <row r="22" spans="1:9" x14ac:dyDescent="0.25">
      <c r="A22" s="15"/>
      <c r="B22" s="10" t="s">
        <v>11</v>
      </c>
      <c r="C22" s="20"/>
      <c r="D22" s="9">
        <v>10000</v>
      </c>
      <c r="E22" s="9">
        <v>10000</v>
      </c>
      <c r="F22" s="9">
        <v>10000</v>
      </c>
      <c r="G22" s="9">
        <v>10000</v>
      </c>
      <c r="H22" s="9">
        <v>50000</v>
      </c>
      <c r="I22" s="21">
        <v>5000</v>
      </c>
    </row>
    <row r="23" spans="1:9" ht="15.75" thickBot="1" x14ac:dyDescent="0.3">
      <c r="A23" s="16"/>
      <c r="B23" s="40" t="s">
        <v>12</v>
      </c>
      <c r="C23" s="22"/>
      <c r="D23" s="23">
        <v>421400</v>
      </c>
      <c r="E23" s="23">
        <v>431400</v>
      </c>
      <c r="F23" s="23">
        <v>441400</v>
      </c>
      <c r="G23" s="23">
        <v>451400</v>
      </c>
      <c r="H23" s="23">
        <v>501400</v>
      </c>
      <c r="I23" s="24">
        <v>506400</v>
      </c>
    </row>
    <row r="24" spans="1:9" ht="30" customHeight="1" x14ac:dyDescent="0.25">
      <c r="A24" s="38" t="s">
        <v>16</v>
      </c>
      <c r="B24" s="39"/>
      <c r="C24" s="17">
        <v>451600</v>
      </c>
      <c r="D24" s="18"/>
      <c r="E24" s="18"/>
      <c r="F24" s="18"/>
      <c r="G24" s="18"/>
      <c r="H24" s="18"/>
      <c r="I24" s="19"/>
    </row>
    <row r="25" spans="1:9" x14ac:dyDescent="0.25">
      <c r="A25" s="15"/>
      <c r="B25" s="10" t="s">
        <v>11</v>
      </c>
      <c r="C25" s="20"/>
      <c r="D25" s="9">
        <v>10000</v>
      </c>
      <c r="E25" s="9">
        <v>10000</v>
      </c>
      <c r="F25" s="9">
        <v>10000</v>
      </c>
      <c r="G25" s="9">
        <v>20000</v>
      </c>
      <c r="H25" s="9">
        <v>20000</v>
      </c>
      <c r="I25" s="21">
        <v>10000</v>
      </c>
    </row>
    <row r="26" spans="1:9" ht="15.75" thickBot="1" x14ac:dyDescent="0.3">
      <c r="A26" s="16"/>
      <c r="B26" s="40" t="s">
        <v>12</v>
      </c>
      <c r="C26" s="22"/>
      <c r="D26" s="23">
        <v>461600</v>
      </c>
      <c r="E26" s="23">
        <v>471600</v>
      </c>
      <c r="F26" s="23">
        <v>481600</v>
      </c>
      <c r="G26" s="23">
        <v>501600</v>
      </c>
      <c r="H26" s="23">
        <v>521600</v>
      </c>
      <c r="I26" s="24">
        <v>531600</v>
      </c>
    </row>
    <row r="27" spans="1:9" ht="30" customHeight="1" x14ac:dyDescent="0.25">
      <c r="A27" s="38" t="s">
        <v>17</v>
      </c>
      <c r="B27" s="39"/>
      <c r="C27" s="17">
        <v>491400</v>
      </c>
      <c r="D27" s="18"/>
      <c r="E27" s="18"/>
      <c r="F27" s="18"/>
      <c r="G27" s="18"/>
      <c r="H27" s="18"/>
      <c r="I27" s="19"/>
    </row>
    <row r="28" spans="1:9" x14ac:dyDescent="0.25">
      <c r="A28" s="15"/>
      <c r="B28" s="10" t="s">
        <v>11</v>
      </c>
      <c r="C28" s="20"/>
      <c r="D28" s="9">
        <v>9700</v>
      </c>
      <c r="E28" s="9">
        <v>4600</v>
      </c>
      <c r="F28" s="9">
        <v>4800</v>
      </c>
      <c r="G28" s="9">
        <v>10300</v>
      </c>
      <c r="H28" s="9">
        <v>17700</v>
      </c>
      <c r="I28" s="21">
        <v>40100</v>
      </c>
    </row>
    <row r="29" spans="1:9" ht="15.75" thickBot="1" x14ac:dyDescent="0.3">
      <c r="A29" s="16"/>
      <c r="B29" s="40" t="s">
        <v>12</v>
      </c>
      <c r="C29" s="22"/>
      <c r="D29" s="23">
        <v>501100</v>
      </c>
      <c r="E29" s="23">
        <v>505700</v>
      </c>
      <c r="F29" s="23">
        <v>510500</v>
      </c>
      <c r="G29" s="23">
        <v>520800</v>
      </c>
      <c r="H29" s="23">
        <v>538500</v>
      </c>
      <c r="I29" s="24">
        <v>578600</v>
      </c>
    </row>
    <row r="30" spans="1:9" ht="30" customHeight="1" x14ac:dyDescent="0.25">
      <c r="A30" s="38" t="s">
        <v>18</v>
      </c>
      <c r="B30" s="39"/>
      <c r="C30" s="17">
        <v>516400</v>
      </c>
      <c r="D30" s="18"/>
      <c r="E30" s="18"/>
      <c r="F30" s="18"/>
      <c r="G30" s="18"/>
      <c r="H30" s="18"/>
      <c r="I30" s="19"/>
    </row>
    <row r="31" spans="1:9" x14ac:dyDescent="0.25">
      <c r="A31" s="15"/>
      <c r="B31" s="10" t="s">
        <v>11</v>
      </c>
      <c r="C31" s="20"/>
      <c r="D31" s="9">
        <v>9800</v>
      </c>
      <c r="E31" s="9">
        <v>5700</v>
      </c>
      <c r="F31" s="9">
        <v>5500</v>
      </c>
      <c r="G31" s="9">
        <v>5200</v>
      </c>
      <c r="H31" s="9">
        <v>28900</v>
      </c>
      <c r="I31" s="21">
        <v>53600</v>
      </c>
    </row>
    <row r="32" spans="1:9" ht="15.75" thickBot="1" x14ac:dyDescent="0.3">
      <c r="A32" s="16"/>
      <c r="B32" s="40" t="s">
        <v>12</v>
      </c>
      <c r="C32" s="22"/>
      <c r="D32" s="23">
        <v>526200</v>
      </c>
      <c r="E32" s="23">
        <v>531900</v>
      </c>
      <c r="F32" s="23">
        <v>537400</v>
      </c>
      <c r="G32" s="23">
        <v>542600</v>
      </c>
      <c r="H32" s="23">
        <v>571500</v>
      </c>
      <c r="I32" s="24">
        <v>625100</v>
      </c>
    </row>
    <row r="33" spans="1:9" ht="30" customHeight="1" x14ac:dyDescent="0.25">
      <c r="A33" s="38" t="s">
        <v>19</v>
      </c>
      <c r="B33" s="39"/>
      <c r="C33" s="17">
        <v>533600</v>
      </c>
      <c r="D33" s="18"/>
      <c r="E33" s="18"/>
      <c r="F33" s="18"/>
      <c r="G33" s="18"/>
      <c r="H33" s="18"/>
      <c r="I33" s="19"/>
    </row>
    <row r="34" spans="1:9" x14ac:dyDescent="0.25">
      <c r="A34" s="15"/>
      <c r="B34" s="10" t="s">
        <v>11</v>
      </c>
      <c r="C34" s="20"/>
      <c r="D34" s="9">
        <v>10400</v>
      </c>
      <c r="E34" s="9">
        <v>5700</v>
      </c>
      <c r="F34" s="9">
        <v>5500</v>
      </c>
      <c r="G34" s="9">
        <v>8000</v>
      </c>
      <c r="H34" s="9">
        <v>26800</v>
      </c>
      <c r="I34" s="21">
        <v>62900</v>
      </c>
    </row>
    <row r="35" spans="1:9" ht="15.75" thickBot="1" x14ac:dyDescent="0.3">
      <c r="A35" s="16"/>
      <c r="B35" s="40" t="s">
        <v>12</v>
      </c>
      <c r="C35" s="22"/>
      <c r="D35" s="23">
        <v>544000</v>
      </c>
      <c r="E35" s="23">
        <v>549700</v>
      </c>
      <c r="F35" s="23">
        <v>555200</v>
      </c>
      <c r="G35" s="23">
        <v>563200</v>
      </c>
      <c r="H35" s="23">
        <v>590000</v>
      </c>
      <c r="I35" s="24">
        <v>652900</v>
      </c>
    </row>
    <row r="37" spans="1:9" x14ac:dyDescent="0.25">
      <c r="A37" s="1" t="s">
        <v>20</v>
      </c>
      <c r="B37" s="1"/>
    </row>
    <row r="39" spans="1:9" x14ac:dyDescent="0.25">
      <c r="A39" s="14"/>
      <c r="B39" s="14"/>
    </row>
    <row r="40" spans="1:9" x14ac:dyDescent="0.25">
      <c r="A40" s="14"/>
      <c r="B40" s="14"/>
    </row>
    <row r="41" spans="1:9" x14ac:dyDescent="0.25">
      <c r="A41" s="14"/>
      <c r="B41" s="14"/>
    </row>
    <row r="42" spans="1:9" x14ac:dyDescent="0.25">
      <c r="A42" s="14"/>
      <c r="B42" s="14"/>
    </row>
  </sheetData>
  <mergeCells count="10">
    <mergeCell ref="C9:I9"/>
    <mergeCell ref="A12:B12"/>
    <mergeCell ref="A15:B15"/>
    <mergeCell ref="A33:B33"/>
    <mergeCell ref="A9:B11"/>
    <mergeCell ref="A18:B18"/>
    <mergeCell ref="A21:B21"/>
    <mergeCell ref="A24:B24"/>
    <mergeCell ref="A27:B27"/>
    <mergeCell ref="A30:B30"/>
  </mergeCells>
  <pageMargins left="0.7" right="0.7" top="0.75" bottom="0.75" header="0.3" footer="0.3"/>
  <pageSetup paperSize="9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E8CEA38D9DE1B4193896065C5BD1EF4" ma:contentTypeVersion="7" ma:contentTypeDescription="Create a new document." ma:contentTypeScope="" ma:versionID="6f59f1541d325e529686ea01644454ba">
  <xsd:schema xmlns:xsd="http://www.w3.org/2001/XMLSchema" xmlns:xs="http://www.w3.org/2001/XMLSchema" xmlns:p="http://schemas.microsoft.com/office/2006/metadata/properties" xmlns:ns3="03a0e015-4f46-4d29-98ca-48629461444d" targetNamespace="http://schemas.microsoft.com/office/2006/metadata/properties" ma:root="true" ma:fieldsID="5d5e7dec1b4d8fb19edc7d5e57e6f0a7" ns3:_="">
    <xsd:import namespace="03a0e015-4f46-4d29-98ca-48629461444d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3:MediaServiceDateTaken" minOccurs="0"/>
                <xsd:element ref="ns3:MediaServiceAutoKeyPoints" minOccurs="0"/>
                <xsd:element ref="ns3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3a0e015-4f46-4d29-98ca-48629461444d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KeyPoints" ma:index="13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4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35F3B108-202B-4029-8E2E-1E0DD82B3CD6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3a0e015-4f46-4d29-98ca-48629461444d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6831522F-4FDC-4EF8-B3C3-64041E35CD73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93A86EF2-629B-4925-9DD1-EAE178C64D3D}">
  <ds:schemaRefs>
    <ds:schemaRef ds:uri="http://schemas.microsoft.com/office/2006/metadata/properties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Regneark</vt:lpstr>
      </vt:variant>
      <vt:variant>
        <vt:i4>2</vt:i4>
      </vt:variant>
    </vt:vector>
  </HeadingPairs>
  <TitlesOfParts>
    <vt:vector size="2" baseType="lpstr">
      <vt:lpstr>Sentrale tillegg 2020</vt:lpstr>
      <vt:lpstr>Garantilønn-Ansiennitet 2020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hristopher Tønnessen</dc:creator>
  <cp:lastModifiedBy>Ann Torunn Tallaksen</cp:lastModifiedBy>
  <cp:lastPrinted>2020-11-16T21:33:12Z</cp:lastPrinted>
  <dcterms:created xsi:type="dcterms:W3CDTF">2018-09-17T10:17:37Z</dcterms:created>
  <dcterms:modified xsi:type="dcterms:W3CDTF">2020-12-09T10:56:1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ckOfficeType">
    <vt:lpwstr>growBusiness Solutions</vt:lpwstr>
  </property>
  <property fmtid="{D5CDD505-2E9C-101B-9397-08002B2CF9AE}" pid="3" name="Server">
    <vt:lpwstr>360virke</vt:lpwstr>
  </property>
  <property fmtid="{D5CDD505-2E9C-101B-9397-08002B2CF9AE}" pid="4" name="Protocol">
    <vt:lpwstr>off</vt:lpwstr>
  </property>
  <property fmtid="{D5CDD505-2E9C-101B-9397-08002B2CF9AE}" pid="5" name="Site">
    <vt:lpwstr>/locator.aspx</vt:lpwstr>
  </property>
  <property fmtid="{D5CDD505-2E9C-101B-9397-08002B2CF9AE}" pid="6" name="FileID">
    <vt:lpwstr>1150522</vt:lpwstr>
  </property>
  <property fmtid="{D5CDD505-2E9C-101B-9397-08002B2CF9AE}" pid="7" name="VerID">
    <vt:lpwstr>0</vt:lpwstr>
  </property>
  <property fmtid="{D5CDD505-2E9C-101B-9397-08002B2CF9AE}" pid="8" name="FilePath">
    <vt:lpwstr>\\RB-SXD7E-006\360users\work\i04\rb219</vt:lpwstr>
  </property>
  <property fmtid="{D5CDD505-2E9C-101B-9397-08002B2CF9AE}" pid="9" name="FileName">
    <vt:lpwstr>19-15210 Lønnssatser 2019 - Landsoverenskomst for helse og sosiale tjenester, barnehager, 1150522_855992_0.XLSX</vt:lpwstr>
  </property>
  <property fmtid="{D5CDD505-2E9C-101B-9397-08002B2CF9AE}" pid="10" name="FullFileName">
    <vt:lpwstr>\\RB-SXD7E-006\360users\work\i04\rb219\19-15210 Lønnssatser 2019 - Landsoverenskomst for helse og sosiale tjenester, barnehager, 1150522_855992_0.XLSX</vt:lpwstr>
  </property>
  <property fmtid="{D5CDD505-2E9C-101B-9397-08002B2CF9AE}" pid="11" name="ContentTypeId">
    <vt:lpwstr>0x010100AE8CEA38D9DE1B4193896065C5BD1EF4</vt:lpwstr>
  </property>
</Properties>
</file>